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/>
  <mc:AlternateContent xmlns:mc="http://schemas.openxmlformats.org/markup-compatibility/2006">
    <mc:Choice Requires="x15">
      <x15ac:absPath xmlns:x15ac="http://schemas.microsoft.com/office/spreadsheetml/2010/11/ac" url="\\kfs01\s0103\07_税政G\４年度\40_税財政データ集\02_R03年度完成版\輿石\転記先ファイル\"/>
    </mc:Choice>
  </mc:AlternateContent>
  <bookViews>
    <workbookView xWindow="-576" yWindow="-48" windowWidth="8484" windowHeight="8736"/>
  </bookViews>
  <sheets>
    <sheet name="償却資産" sheetId="1" r:id="rId1"/>
  </sheets>
  <calcPr calcId="162913"/>
</workbook>
</file>

<file path=xl/sharedStrings.xml><?xml version="1.0" encoding="utf-8"?>
<sst xmlns="http://schemas.openxmlformats.org/spreadsheetml/2006/main" count="65" uniqueCount="57">
  <si>
    <t>横浜市</t>
    <rPh sb="0" eb="3">
      <t>ヨコハマシ</t>
    </rPh>
    <phoneticPr fontId="2"/>
  </si>
  <si>
    <t>川崎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相模原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区分</t>
    <rPh sb="0" eb="2">
      <t>クブン</t>
    </rPh>
    <phoneticPr fontId="2"/>
  </si>
  <si>
    <t>市町村名</t>
    <rPh sb="0" eb="3">
      <t>シチョウソン</t>
    </rPh>
    <rPh sb="3" eb="4">
      <t>メイ</t>
    </rPh>
    <phoneticPr fontId="2"/>
  </si>
  <si>
    <t>合計</t>
  </si>
  <si>
    <t>（単位：千円）</t>
    <rPh sb="1" eb="3">
      <t>タンイ</t>
    </rPh>
    <rPh sb="4" eb="6">
      <t>センエン</t>
    </rPh>
    <phoneticPr fontId="2"/>
  </si>
  <si>
    <t>神奈川県知事が価格を決定し、
配分したもの</t>
    <rPh sb="0" eb="3">
      <t>カナガワ</t>
    </rPh>
    <phoneticPr fontId="2"/>
  </si>
  <si>
    <t>県計</t>
    <rPh sb="0" eb="1">
      <t>ケン</t>
    </rPh>
    <rPh sb="1" eb="2">
      <t>ケイ</t>
    </rPh>
    <phoneticPr fontId="2"/>
  </si>
  <si>
    <t>決定価格</t>
    <rPh sb="0" eb="2">
      <t>ケッテイ</t>
    </rPh>
    <rPh sb="2" eb="4">
      <t>カカク</t>
    </rPh>
    <phoneticPr fontId="2"/>
  </si>
  <si>
    <t>課税標準額</t>
    <rPh sb="0" eb="2">
      <t>カゼイ</t>
    </rPh>
    <rPh sb="2" eb="4">
      <t>ヒョウジュン</t>
    </rPh>
    <rPh sb="4" eb="5">
      <t>ガク</t>
    </rPh>
    <phoneticPr fontId="2"/>
  </si>
  <si>
    <t>地方税法第410条第１項により
市町村長が価格を決定したもの</t>
    <rPh sb="0" eb="3">
      <t>チホウゼイ</t>
    </rPh>
    <rPh sb="3" eb="4">
      <t>ホウ</t>
    </rPh>
    <rPh sb="4" eb="5">
      <t>ダイ</t>
    </rPh>
    <rPh sb="8" eb="9">
      <t>ジョウ</t>
    </rPh>
    <rPh sb="9" eb="10">
      <t>ダイ</t>
    </rPh>
    <rPh sb="11" eb="12">
      <t>コウ</t>
    </rPh>
    <phoneticPr fontId="2"/>
  </si>
  <si>
    <t>地方税法第743条第１項により
神奈川県知事が評価し、価格を決
定したもの</t>
    <rPh sb="16" eb="19">
      <t>カナガワ</t>
    </rPh>
    <phoneticPr fontId="2"/>
  </si>
  <si>
    <t>地方税法第389条第１項により</t>
    <phoneticPr fontId="2"/>
  </si>
  <si>
    <t>総務大臣が価格を決定し、
配分したもの</t>
    <phoneticPr fontId="2"/>
  </si>
  <si>
    <t>（A)</t>
    <phoneticPr fontId="2"/>
  </si>
  <si>
    <t>（B)</t>
    <phoneticPr fontId="2"/>
  </si>
  <si>
    <t>（C)</t>
    <phoneticPr fontId="2"/>
  </si>
  <si>
    <t>（D)</t>
    <phoneticPr fontId="2"/>
  </si>
  <si>
    <t>(E)</t>
    <phoneticPr fontId="2"/>
  </si>
  <si>
    <t>(F)</t>
    <phoneticPr fontId="2"/>
  </si>
  <si>
    <t>(G)</t>
    <phoneticPr fontId="2"/>
  </si>
  <si>
    <t>(H)</t>
    <phoneticPr fontId="2"/>
  </si>
  <si>
    <t>(A)+(C)+(E)+(G)</t>
    <phoneticPr fontId="2"/>
  </si>
  <si>
    <t>（B)+(D)+(F)+(H)</t>
    <phoneticPr fontId="2"/>
  </si>
  <si>
    <t>　（６）　令和４年度償却資産の課税標準額（法定免税点以上のもの）</t>
    <rPh sb="5" eb="7">
      <t>レイワ</t>
    </rPh>
    <rPh sb="8" eb="9">
      <t>ネン</t>
    </rPh>
    <rPh sb="9" eb="10">
      <t>ヘイネン</t>
    </rPh>
    <rPh sb="10" eb="12">
      <t>ショウキャク</t>
    </rPh>
    <rPh sb="12" eb="14">
      <t>シサン</t>
    </rPh>
    <rPh sb="15" eb="17">
      <t>カゼイ</t>
    </rPh>
    <rPh sb="17" eb="20">
      <t>ヒョウジュンガク</t>
    </rPh>
    <rPh sb="21" eb="23">
      <t>ホウテイ</t>
    </rPh>
    <rPh sb="23" eb="28">
      <t>メンゼイテンイジョウ</t>
    </rPh>
    <phoneticPr fontId="2"/>
  </si>
  <si>
    <t>令和４年度分の固定資産の価格等の概要調書（70表）</t>
    <rPh sb="0" eb="2">
      <t>レイ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_(* #,##0_);_(* \(#,##0\);_(* &quot;-&quot;_);_(@_)"/>
  </numFmts>
  <fonts count="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ゴシック"/>
      <family val="3"/>
      <charset val="128"/>
    </font>
    <font>
      <sz val="10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1">
    <xf numFmtId="0" fontId="0" fillId="0" borderId="0" xfId="0"/>
    <xf numFmtId="38" fontId="3" fillId="0" borderId="0" xfId="1" applyFont="1" applyFill="1" applyBorder="1" applyAlignment="1">
      <alignment vertical="center"/>
    </xf>
    <xf numFmtId="38" fontId="3" fillId="0" borderId="0" xfId="1" applyFont="1" applyFill="1" applyBorder="1" applyAlignment="1">
      <alignment horizontal="right" vertical="center"/>
    </xf>
    <xf numFmtId="38" fontId="3" fillId="0" borderId="0" xfId="1" applyFont="1" applyFill="1" applyBorder="1" applyAlignment="1">
      <alignment horizontal="center" vertical="center"/>
    </xf>
    <xf numFmtId="38" fontId="3" fillId="0" borderId="0" xfId="1" applyFont="1" applyFill="1" applyBorder="1" applyAlignment="1">
      <alignment horizontal="center" vertical="center" wrapText="1"/>
    </xf>
    <xf numFmtId="38" fontId="3" fillId="0" borderId="1" xfId="1" applyFont="1" applyFill="1" applyBorder="1" applyAlignment="1">
      <alignment vertical="center"/>
    </xf>
    <xf numFmtId="38" fontId="3" fillId="0" borderId="2" xfId="1" applyFont="1" applyFill="1" applyBorder="1" applyAlignment="1">
      <alignment vertical="center"/>
    </xf>
    <xf numFmtId="3" fontId="3" fillId="0" borderId="0" xfId="1" applyNumberFormat="1" applyFont="1" applyFill="1" applyBorder="1" applyAlignment="1">
      <alignment vertical="center"/>
    </xf>
    <xf numFmtId="38" fontId="3" fillId="0" borderId="4" xfId="1" applyFont="1" applyFill="1" applyBorder="1" applyAlignment="1">
      <alignment horizontal="right" vertical="center" wrapText="1"/>
    </xf>
    <xf numFmtId="38" fontId="3" fillId="0" borderId="4" xfId="1" applyFont="1" applyFill="1" applyBorder="1" applyAlignment="1">
      <alignment horizontal="distributed" vertical="center"/>
    </xf>
    <xf numFmtId="38" fontId="3" fillId="0" borderId="1" xfId="1" applyFont="1" applyFill="1" applyBorder="1" applyAlignment="1">
      <alignment horizontal="distributed" vertical="center"/>
    </xf>
    <xf numFmtId="38" fontId="3" fillId="0" borderId="3" xfId="1" applyFont="1" applyFill="1" applyBorder="1" applyAlignment="1">
      <alignment horizontal="distributed" vertical="center"/>
    </xf>
    <xf numFmtId="38" fontId="3" fillId="0" borderId="5" xfId="1" applyFont="1" applyFill="1" applyBorder="1" applyAlignment="1">
      <alignment horizontal="distributed" vertical="center"/>
    </xf>
    <xf numFmtId="38" fontId="3" fillId="0" borderId="6" xfId="1" applyFont="1" applyFill="1" applyBorder="1" applyAlignment="1">
      <alignment horizontal="distributed" vertical="center"/>
    </xf>
    <xf numFmtId="38" fontId="3" fillId="0" borderId="2" xfId="1" applyFont="1" applyFill="1" applyBorder="1" applyAlignment="1">
      <alignment horizontal="distributed" vertical="center"/>
    </xf>
    <xf numFmtId="38" fontId="3" fillId="0" borderId="4" xfId="1" applyFont="1" applyFill="1" applyBorder="1" applyAlignment="1">
      <alignment horizontal="center" vertical="center" wrapText="1"/>
    </xf>
    <xf numFmtId="38" fontId="3" fillId="0" borderId="1" xfId="1" applyFont="1" applyFill="1" applyBorder="1" applyAlignment="1">
      <alignment horizontal="center" vertical="center" wrapText="1"/>
    </xf>
    <xf numFmtId="38" fontId="3" fillId="0" borderId="2" xfId="1" applyFont="1" applyFill="1" applyBorder="1" applyAlignment="1">
      <alignment horizontal="center" vertical="center"/>
    </xf>
    <xf numFmtId="38" fontId="3" fillId="0" borderId="1" xfId="1" applyFont="1" applyFill="1" applyBorder="1" applyAlignment="1">
      <alignment horizontal="center" vertical="center"/>
    </xf>
    <xf numFmtId="38" fontId="4" fillId="0" borderId="0" xfId="1" applyFont="1" applyFill="1" applyBorder="1" applyAlignment="1">
      <alignment vertical="center"/>
    </xf>
    <xf numFmtId="176" fontId="3" fillId="0" borderId="4" xfId="1" applyNumberFormat="1" applyFont="1" applyFill="1" applyBorder="1" applyAlignment="1">
      <alignment vertical="center"/>
    </xf>
    <xf numFmtId="176" fontId="3" fillId="0" borderId="1" xfId="1" applyNumberFormat="1" applyFont="1" applyFill="1" applyBorder="1" applyAlignment="1">
      <alignment vertical="center"/>
    </xf>
    <xf numFmtId="176" fontId="3" fillId="0" borderId="5" xfId="1" applyNumberFormat="1" applyFont="1" applyFill="1" applyBorder="1" applyAlignment="1">
      <alignment vertical="center"/>
    </xf>
    <xf numFmtId="176" fontId="3" fillId="0" borderId="6" xfId="1" applyNumberFormat="1" applyFont="1" applyFill="1" applyBorder="1" applyAlignment="1">
      <alignment vertical="center"/>
    </xf>
    <xf numFmtId="176" fontId="3" fillId="0" borderId="2" xfId="1" applyNumberFormat="1" applyFont="1" applyFill="1" applyBorder="1" applyAlignment="1">
      <alignment vertical="center"/>
    </xf>
    <xf numFmtId="176" fontId="3" fillId="0" borderId="3" xfId="1" applyNumberFormat="1" applyFont="1" applyFill="1" applyBorder="1" applyAlignment="1">
      <alignment vertical="center"/>
    </xf>
    <xf numFmtId="38" fontId="3" fillId="0" borderId="7" xfId="1" applyFont="1" applyFill="1" applyBorder="1" applyAlignment="1">
      <alignment horizontal="center" vertical="center" wrapText="1"/>
    </xf>
    <xf numFmtId="38" fontId="3" fillId="0" borderId="8" xfId="1" applyFont="1" applyFill="1" applyBorder="1" applyAlignment="1">
      <alignment horizontal="center" vertical="center" wrapText="1"/>
    </xf>
    <xf numFmtId="38" fontId="3" fillId="0" borderId="9" xfId="1" applyFont="1" applyFill="1" applyBorder="1" applyAlignment="1">
      <alignment horizontal="center" vertical="center" wrapText="1"/>
    </xf>
    <xf numFmtId="38" fontId="3" fillId="0" borderId="10" xfId="1" applyFont="1" applyFill="1" applyBorder="1" applyAlignment="1">
      <alignment horizontal="center" vertical="center" wrapText="1"/>
    </xf>
    <xf numFmtId="38" fontId="3" fillId="0" borderId="11" xfId="1" applyFont="1" applyFill="1" applyBorder="1" applyAlignment="1">
      <alignment horizontal="center" vertical="center" wrapText="1"/>
    </xf>
    <xf numFmtId="38" fontId="3" fillId="0" borderId="12" xfId="1" applyFont="1" applyFill="1" applyBorder="1" applyAlignment="1">
      <alignment horizontal="center" vertical="center" wrapText="1"/>
    </xf>
    <xf numFmtId="38" fontId="3" fillId="0" borderId="7" xfId="1" applyFont="1" applyFill="1" applyBorder="1" applyAlignment="1">
      <alignment horizontal="center" vertical="center"/>
    </xf>
    <xf numFmtId="38" fontId="3" fillId="0" borderId="8" xfId="1" applyFont="1" applyFill="1" applyBorder="1" applyAlignment="1">
      <alignment horizontal="center" vertical="center"/>
    </xf>
    <xf numFmtId="38" fontId="3" fillId="0" borderId="9" xfId="1" applyFont="1" applyFill="1" applyBorder="1" applyAlignment="1">
      <alignment horizontal="center" vertical="center"/>
    </xf>
    <xf numFmtId="38" fontId="3" fillId="0" borderId="10" xfId="1" applyFont="1" applyFill="1" applyBorder="1" applyAlignment="1">
      <alignment horizontal="center" vertical="center"/>
    </xf>
    <xf numFmtId="38" fontId="3" fillId="0" borderId="11" xfId="1" applyFont="1" applyFill="1" applyBorder="1" applyAlignment="1">
      <alignment horizontal="center" vertical="center"/>
    </xf>
    <xf numFmtId="38" fontId="3" fillId="0" borderId="12" xfId="1" applyFont="1" applyFill="1" applyBorder="1" applyAlignment="1">
      <alignment horizontal="center" vertical="center"/>
    </xf>
    <xf numFmtId="38" fontId="3" fillId="0" borderId="13" xfId="1" applyFont="1" applyFill="1" applyBorder="1" applyAlignment="1">
      <alignment horizontal="center" vertical="center"/>
    </xf>
    <xf numFmtId="38" fontId="3" fillId="0" borderId="14" xfId="1" applyFont="1" applyFill="1" applyBorder="1" applyAlignment="1">
      <alignment horizontal="center" vertical="center"/>
    </xf>
    <xf numFmtId="38" fontId="3" fillId="0" borderId="15" xfId="1" applyFont="1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3</xdr:row>
      <xdr:rowOff>7620</xdr:rowOff>
    </xdr:from>
    <xdr:to>
      <xdr:col>1</xdr:col>
      <xdr:colOff>0</xdr:colOff>
      <xdr:row>8</xdr:row>
      <xdr:rowOff>0</xdr:rowOff>
    </xdr:to>
    <xdr:sp macro="" textlink="">
      <xdr:nvSpPr>
        <xdr:cNvPr id="1033" name="Line 2"/>
        <xdr:cNvSpPr>
          <a:spLocks noChangeShapeType="1"/>
        </xdr:cNvSpPr>
      </xdr:nvSpPr>
      <xdr:spPr bwMode="auto">
        <a:xfrm flipH="1" flipV="1">
          <a:off x="0" y="533400"/>
          <a:ext cx="868680" cy="67818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43"/>
  <sheetViews>
    <sheetView tabSelected="1" workbookViewId="0">
      <pane xSplit="1" ySplit="8" topLeftCell="B9" activePane="bottomRight" state="frozen"/>
      <selection pane="topRight" activeCell="B1" sqref="B1"/>
      <selection pane="bottomLeft" activeCell="A8" sqref="A8"/>
      <selection pane="bottomRight"/>
    </sheetView>
  </sheetViews>
  <sheetFormatPr defaultColWidth="20.6640625" defaultRowHeight="11.1" customHeight="1" x14ac:dyDescent="0.2"/>
  <cols>
    <col min="1" max="1" width="12.6640625" style="1" customWidth="1"/>
    <col min="2" max="9" width="12.44140625" style="1" customWidth="1"/>
    <col min="10" max="10" width="13.33203125" style="1" bestFit="1" customWidth="1"/>
    <col min="11" max="11" width="14.109375" style="1" bestFit="1" customWidth="1"/>
    <col min="12" max="16384" width="20.6640625" style="1"/>
  </cols>
  <sheetData>
    <row r="1" spans="1:14" ht="14.1" customHeight="1" x14ac:dyDescent="0.2">
      <c r="A1" s="19" t="s">
        <v>55</v>
      </c>
      <c r="B1" s="19"/>
      <c r="N1" s="2"/>
    </row>
    <row r="2" spans="1:14" ht="14.1" customHeight="1" x14ac:dyDescent="0.2"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4"/>
    </row>
    <row r="3" spans="1:14" ht="14.1" customHeight="1" x14ac:dyDescent="0.2">
      <c r="C3" s="3"/>
      <c r="D3" s="3"/>
      <c r="E3" s="3"/>
      <c r="F3" s="3"/>
      <c r="G3" s="3"/>
      <c r="H3" s="3"/>
      <c r="I3" s="3"/>
      <c r="J3" s="3"/>
      <c r="K3" s="2" t="s">
        <v>36</v>
      </c>
      <c r="L3" s="3"/>
      <c r="M3" s="3"/>
      <c r="N3" s="3"/>
    </row>
    <row r="4" spans="1:14" ht="11.1" customHeight="1" x14ac:dyDescent="0.2">
      <c r="A4" s="8" t="s">
        <v>33</v>
      </c>
      <c r="B4" s="26" t="s">
        <v>41</v>
      </c>
      <c r="C4" s="27"/>
      <c r="D4" s="38" t="s">
        <v>43</v>
      </c>
      <c r="E4" s="39"/>
      <c r="F4" s="39"/>
      <c r="G4" s="40"/>
      <c r="H4" s="26" t="s">
        <v>42</v>
      </c>
      <c r="I4" s="27"/>
      <c r="J4" s="32" t="s">
        <v>35</v>
      </c>
      <c r="K4" s="33"/>
      <c r="L4" s="3"/>
      <c r="M4" s="3"/>
      <c r="N4" s="3"/>
    </row>
    <row r="5" spans="1:14" ht="11.1" customHeight="1" x14ac:dyDescent="0.2">
      <c r="A5" s="5"/>
      <c r="B5" s="28"/>
      <c r="C5" s="29"/>
      <c r="D5" s="26" t="s">
        <v>44</v>
      </c>
      <c r="E5" s="27"/>
      <c r="F5" s="26" t="s">
        <v>37</v>
      </c>
      <c r="G5" s="27"/>
      <c r="H5" s="28"/>
      <c r="I5" s="29"/>
      <c r="J5" s="34"/>
      <c r="K5" s="35"/>
      <c r="L5" s="3"/>
      <c r="M5" s="3"/>
      <c r="N5" s="3"/>
    </row>
    <row r="6" spans="1:14" ht="11.1" customHeight="1" x14ac:dyDescent="0.2">
      <c r="A6" s="5"/>
      <c r="B6" s="30"/>
      <c r="C6" s="31"/>
      <c r="D6" s="30"/>
      <c r="E6" s="31"/>
      <c r="F6" s="30"/>
      <c r="G6" s="31"/>
      <c r="H6" s="30"/>
      <c r="I6" s="31"/>
      <c r="J6" s="36"/>
      <c r="K6" s="37"/>
      <c r="L6" s="3"/>
      <c r="M6" s="3"/>
      <c r="N6" s="3"/>
    </row>
    <row r="7" spans="1:14" ht="11.1" customHeight="1" x14ac:dyDescent="0.2">
      <c r="A7" s="5"/>
      <c r="B7" s="15" t="s">
        <v>39</v>
      </c>
      <c r="C7" s="16" t="s">
        <v>40</v>
      </c>
      <c r="D7" s="16" t="s">
        <v>39</v>
      </c>
      <c r="E7" s="16" t="s">
        <v>40</v>
      </c>
      <c r="F7" s="16" t="s">
        <v>39</v>
      </c>
      <c r="G7" s="16" t="s">
        <v>40</v>
      </c>
      <c r="H7" s="16" t="s">
        <v>39</v>
      </c>
      <c r="I7" s="16" t="s">
        <v>40</v>
      </c>
      <c r="J7" s="16" t="s">
        <v>39</v>
      </c>
      <c r="K7" s="16" t="s">
        <v>40</v>
      </c>
      <c r="L7" s="3"/>
      <c r="M7" s="3"/>
      <c r="N7" s="3"/>
    </row>
    <row r="8" spans="1:14" ht="11.1" customHeight="1" x14ac:dyDescent="0.2">
      <c r="A8" s="6" t="s">
        <v>34</v>
      </c>
      <c r="B8" s="17" t="s">
        <v>45</v>
      </c>
      <c r="C8" s="17" t="s">
        <v>46</v>
      </c>
      <c r="D8" s="17" t="s">
        <v>47</v>
      </c>
      <c r="E8" s="17" t="s">
        <v>48</v>
      </c>
      <c r="F8" s="17" t="s">
        <v>49</v>
      </c>
      <c r="G8" s="17" t="s">
        <v>50</v>
      </c>
      <c r="H8" s="17" t="s">
        <v>51</v>
      </c>
      <c r="I8" s="17" t="s">
        <v>52</v>
      </c>
      <c r="J8" s="18" t="s">
        <v>53</v>
      </c>
      <c r="K8" s="18" t="s">
        <v>54</v>
      </c>
      <c r="L8" s="3"/>
      <c r="M8" s="3"/>
      <c r="N8" s="3"/>
    </row>
    <row r="9" spans="1:14" ht="11.1" customHeight="1" x14ac:dyDescent="0.2">
      <c r="A9" s="9" t="s">
        <v>0</v>
      </c>
      <c r="B9" s="20">
        <v>1941243634</v>
      </c>
      <c r="C9" s="20">
        <v>1909930297</v>
      </c>
      <c r="D9" s="20">
        <v>935832576</v>
      </c>
      <c r="E9" s="20">
        <v>809595908</v>
      </c>
      <c r="F9" s="20">
        <v>46545924</v>
      </c>
      <c r="G9" s="20">
        <v>39872917</v>
      </c>
      <c r="H9" s="20">
        <v>0</v>
      </c>
      <c r="I9" s="20">
        <v>0</v>
      </c>
      <c r="J9" s="20">
        <v>2923622134</v>
      </c>
      <c r="K9" s="20">
        <v>2759399122</v>
      </c>
    </row>
    <row r="10" spans="1:14" ht="11.1" customHeight="1" x14ac:dyDescent="0.2">
      <c r="A10" s="10" t="s">
        <v>1</v>
      </c>
      <c r="B10" s="21">
        <v>1206572166</v>
      </c>
      <c r="C10" s="21">
        <v>1197558893</v>
      </c>
      <c r="D10" s="21">
        <v>464267412</v>
      </c>
      <c r="E10" s="21">
        <v>422095681</v>
      </c>
      <c r="F10" s="21">
        <v>1818313</v>
      </c>
      <c r="G10" s="21">
        <v>1818313</v>
      </c>
      <c r="H10" s="21">
        <v>0</v>
      </c>
      <c r="I10" s="21">
        <v>0</v>
      </c>
      <c r="J10" s="21">
        <v>1672657891</v>
      </c>
      <c r="K10" s="21">
        <v>1621472887</v>
      </c>
    </row>
    <row r="11" spans="1:14" ht="11.1" customHeight="1" x14ac:dyDescent="0.2">
      <c r="A11" s="10" t="s">
        <v>9</v>
      </c>
      <c r="B11" s="21">
        <v>382911048</v>
      </c>
      <c r="C11" s="21">
        <v>377132947</v>
      </c>
      <c r="D11" s="21">
        <v>105059858</v>
      </c>
      <c r="E11" s="21">
        <v>99905485</v>
      </c>
      <c r="F11" s="21">
        <v>4674</v>
      </c>
      <c r="G11" s="21">
        <v>4674</v>
      </c>
      <c r="H11" s="21">
        <v>0</v>
      </c>
      <c r="I11" s="21">
        <v>0</v>
      </c>
      <c r="J11" s="21">
        <v>487975580</v>
      </c>
      <c r="K11" s="21">
        <v>477043106</v>
      </c>
      <c r="N11" s="7"/>
    </row>
    <row r="12" spans="1:14" ht="11.1" customHeight="1" x14ac:dyDescent="0.2">
      <c r="A12" s="9" t="s">
        <v>2</v>
      </c>
      <c r="B12" s="20">
        <v>232311506</v>
      </c>
      <c r="C12" s="20">
        <v>227239599</v>
      </c>
      <c r="D12" s="20">
        <v>112381804</v>
      </c>
      <c r="E12" s="20">
        <v>98238151</v>
      </c>
      <c r="F12" s="20">
        <v>173</v>
      </c>
      <c r="G12" s="20">
        <v>173</v>
      </c>
      <c r="H12" s="20">
        <v>0</v>
      </c>
      <c r="I12" s="20">
        <v>0</v>
      </c>
      <c r="J12" s="20">
        <v>344693483</v>
      </c>
      <c r="K12" s="20">
        <v>325477923</v>
      </c>
      <c r="N12" s="7"/>
    </row>
    <row r="13" spans="1:14" ht="11.1" customHeight="1" x14ac:dyDescent="0.2">
      <c r="A13" s="10" t="s">
        <v>3</v>
      </c>
      <c r="B13" s="21">
        <v>183302551</v>
      </c>
      <c r="C13" s="21">
        <v>182332143</v>
      </c>
      <c r="D13" s="21">
        <v>49683114</v>
      </c>
      <c r="E13" s="21">
        <v>48357432</v>
      </c>
      <c r="F13" s="21">
        <v>890578</v>
      </c>
      <c r="G13" s="21">
        <v>881345</v>
      </c>
      <c r="H13" s="21">
        <v>0</v>
      </c>
      <c r="I13" s="21">
        <v>0</v>
      </c>
      <c r="J13" s="21">
        <v>233876243</v>
      </c>
      <c r="K13" s="21">
        <v>231570920</v>
      </c>
      <c r="N13" s="7"/>
    </row>
    <row r="14" spans="1:14" ht="11.1" customHeight="1" x14ac:dyDescent="0.2">
      <c r="A14" s="10" t="s">
        <v>4</v>
      </c>
      <c r="B14" s="21">
        <v>85602878</v>
      </c>
      <c r="C14" s="21">
        <v>85309413</v>
      </c>
      <c r="D14" s="21">
        <v>26520987</v>
      </c>
      <c r="E14" s="21">
        <v>25232217</v>
      </c>
      <c r="F14" s="21">
        <v>4857813</v>
      </c>
      <c r="G14" s="21">
        <v>4711409</v>
      </c>
      <c r="H14" s="21">
        <v>0</v>
      </c>
      <c r="I14" s="21">
        <v>0</v>
      </c>
      <c r="J14" s="21">
        <v>116981678</v>
      </c>
      <c r="K14" s="21">
        <v>115253039</v>
      </c>
      <c r="N14" s="7"/>
    </row>
    <row r="15" spans="1:14" ht="11.1" customHeight="1" x14ac:dyDescent="0.2">
      <c r="A15" s="10" t="s">
        <v>5</v>
      </c>
      <c r="B15" s="21">
        <v>264987409</v>
      </c>
      <c r="C15" s="21">
        <v>263877991</v>
      </c>
      <c r="D15" s="21">
        <v>69347307</v>
      </c>
      <c r="E15" s="21">
        <v>66521513</v>
      </c>
      <c r="F15" s="21">
        <v>3285993</v>
      </c>
      <c r="G15" s="21">
        <v>2967122</v>
      </c>
      <c r="H15" s="21">
        <v>0</v>
      </c>
      <c r="I15" s="21">
        <v>0</v>
      </c>
      <c r="J15" s="21">
        <v>337620709</v>
      </c>
      <c r="K15" s="21">
        <v>333366626</v>
      </c>
      <c r="N15" s="7"/>
    </row>
    <row r="16" spans="1:14" ht="11.1" customHeight="1" x14ac:dyDescent="0.2">
      <c r="A16" s="10" t="s">
        <v>6</v>
      </c>
      <c r="B16" s="21">
        <v>111226983</v>
      </c>
      <c r="C16" s="21">
        <v>110943056</v>
      </c>
      <c r="D16" s="21">
        <v>99360707</v>
      </c>
      <c r="E16" s="21">
        <v>96629159</v>
      </c>
      <c r="F16" s="21">
        <v>7888785</v>
      </c>
      <c r="G16" s="21">
        <v>6756808</v>
      </c>
      <c r="H16" s="21">
        <v>0</v>
      </c>
      <c r="I16" s="21">
        <v>0</v>
      </c>
      <c r="J16" s="21">
        <v>218476475</v>
      </c>
      <c r="K16" s="21">
        <v>214329023</v>
      </c>
      <c r="N16" s="7"/>
    </row>
    <row r="17" spans="1:14" ht="11.1" customHeight="1" x14ac:dyDescent="0.2">
      <c r="A17" s="12" t="s">
        <v>7</v>
      </c>
      <c r="B17" s="22">
        <v>80352487</v>
      </c>
      <c r="C17" s="22">
        <v>79193406</v>
      </c>
      <c r="D17" s="22">
        <v>32903345</v>
      </c>
      <c r="E17" s="22">
        <v>31360878</v>
      </c>
      <c r="F17" s="22">
        <v>1958</v>
      </c>
      <c r="G17" s="22">
        <v>1958</v>
      </c>
      <c r="H17" s="22">
        <v>0</v>
      </c>
      <c r="I17" s="22">
        <v>0</v>
      </c>
      <c r="J17" s="22">
        <v>113257790</v>
      </c>
      <c r="K17" s="22">
        <v>110556242</v>
      </c>
      <c r="N17" s="7"/>
    </row>
    <row r="18" spans="1:14" ht="11.1" customHeight="1" x14ac:dyDescent="0.2">
      <c r="A18" s="10" t="s">
        <v>8</v>
      </c>
      <c r="B18" s="21">
        <v>9268341</v>
      </c>
      <c r="C18" s="21">
        <v>9235827</v>
      </c>
      <c r="D18" s="21">
        <v>12758413</v>
      </c>
      <c r="E18" s="21">
        <v>12343924</v>
      </c>
      <c r="F18" s="21">
        <v>29210</v>
      </c>
      <c r="G18" s="21">
        <v>29210</v>
      </c>
      <c r="H18" s="21">
        <v>0</v>
      </c>
      <c r="I18" s="21">
        <v>0</v>
      </c>
      <c r="J18" s="21">
        <v>22055964</v>
      </c>
      <c r="K18" s="21">
        <v>21608961</v>
      </c>
      <c r="N18" s="7"/>
    </row>
    <row r="19" spans="1:14" ht="11.1" customHeight="1" x14ac:dyDescent="0.2">
      <c r="A19" s="10" t="s">
        <v>10</v>
      </c>
      <c r="B19" s="21">
        <v>12616875</v>
      </c>
      <c r="C19" s="21">
        <v>11847320</v>
      </c>
      <c r="D19" s="21">
        <v>9085772</v>
      </c>
      <c r="E19" s="21">
        <v>8929642</v>
      </c>
      <c r="F19" s="21">
        <v>0</v>
      </c>
      <c r="G19" s="21">
        <v>0</v>
      </c>
      <c r="H19" s="21">
        <v>0</v>
      </c>
      <c r="I19" s="21">
        <v>0</v>
      </c>
      <c r="J19" s="21">
        <v>21702647</v>
      </c>
      <c r="K19" s="21">
        <v>20776962</v>
      </c>
      <c r="N19" s="7"/>
    </row>
    <row r="20" spans="1:14" ht="11.1" customHeight="1" x14ac:dyDescent="0.2">
      <c r="A20" s="10" t="s">
        <v>11</v>
      </c>
      <c r="B20" s="21">
        <v>82959279</v>
      </c>
      <c r="C20" s="21">
        <v>82222548</v>
      </c>
      <c r="D20" s="21">
        <v>36575758</v>
      </c>
      <c r="E20" s="21">
        <v>34235554</v>
      </c>
      <c r="F20" s="21">
        <v>1301934</v>
      </c>
      <c r="G20" s="21">
        <v>970393</v>
      </c>
      <c r="H20" s="21">
        <v>0</v>
      </c>
      <c r="I20" s="21">
        <v>0</v>
      </c>
      <c r="J20" s="21">
        <v>120836971</v>
      </c>
      <c r="K20" s="21">
        <v>117428495</v>
      </c>
      <c r="N20" s="7"/>
    </row>
    <row r="21" spans="1:14" ht="11.1" customHeight="1" x14ac:dyDescent="0.2">
      <c r="A21" s="10" t="s">
        <v>12</v>
      </c>
      <c r="B21" s="21">
        <v>221018871</v>
      </c>
      <c r="C21" s="21">
        <v>219625064</v>
      </c>
      <c r="D21" s="21">
        <v>26370140</v>
      </c>
      <c r="E21" s="21">
        <v>25501136</v>
      </c>
      <c r="F21" s="21">
        <v>4078356</v>
      </c>
      <c r="G21" s="21">
        <v>2669917</v>
      </c>
      <c r="H21" s="21">
        <v>0</v>
      </c>
      <c r="I21" s="21">
        <v>0</v>
      </c>
      <c r="J21" s="21">
        <v>251467367</v>
      </c>
      <c r="K21" s="21">
        <v>247796117</v>
      </c>
      <c r="N21" s="7"/>
    </row>
    <row r="22" spans="1:14" ht="11.1" customHeight="1" x14ac:dyDescent="0.2">
      <c r="A22" s="10" t="s">
        <v>13</v>
      </c>
      <c r="B22" s="21">
        <v>96358914</v>
      </c>
      <c r="C22" s="21">
        <v>95299616</v>
      </c>
      <c r="D22" s="21">
        <v>33420394</v>
      </c>
      <c r="E22" s="21">
        <v>31700288</v>
      </c>
      <c r="F22" s="21">
        <v>7256356</v>
      </c>
      <c r="G22" s="21">
        <v>6202056</v>
      </c>
      <c r="H22" s="21">
        <v>0</v>
      </c>
      <c r="I22" s="21">
        <v>0</v>
      </c>
      <c r="J22" s="21">
        <v>137035664</v>
      </c>
      <c r="K22" s="21">
        <v>133201960</v>
      </c>
      <c r="N22" s="7"/>
    </row>
    <row r="23" spans="1:14" ht="11.1" customHeight="1" x14ac:dyDescent="0.2">
      <c r="A23" s="13" t="s">
        <v>14</v>
      </c>
      <c r="B23" s="23">
        <v>70482457</v>
      </c>
      <c r="C23" s="23">
        <v>69593743</v>
      </c>
      <c r="D23" s="23">
        <v>20950234</v>
      </c>
      <c r="E23" s="23">
        <v>19848516</v>
      </c>
      <c r="F23" s="23">
        <v>1519373</v>
      </c>
      <c r="G23" s="23">
        <v>969446</v>
      </c>
      <c r="H23" s="23">
        <v>0</v>
      </c>
      <c r="I23" s="23">
        <v>0</v>
      </c>
      <c r="J23" s="23">
        <v>92952064</v>
      </c>
      <c r="K23" s="23">
        <v>90411705</v>
      </c>
      <c r="N23" s="7"/>
    </row>
    <row r="24" spans="1:14" ht="11.1" customHeight="1" x14ac:dyDescent="0.2">
      <c r="A24" s="10" t="s">
        <v>15</v>
      </c>
      <c r="B24" s="21">
        <v>77577922</v>
      </c>
      <c r="C24" s="21">
        <v>77131453</v>
      </c>
      <c r="D24" s="21">
        <v>31783620</v>
      </c>
      <c r="E24" s="21">
        <v>29009144</v>
      </c>
      <c r="F24" s="21">
        <v>14977211</v>
      </c>
      <c r="G24" s="21">
        <v>12941406</v>
      </c>
      <c r="H24" s="21">
        <v>0</v>
      </c>
      <c r="I24" s="21">
        <v>0</v>
      </c>
      <c r="J24" s="21">
        <v>124338753</v>
      </c>
      <c r="K24" s="21">
        <v>119082003</v>
      </c>
      <c r="N24" s="7"/>
    </row>
    <row r="25" spans="1:14" ht="11.1" customHeight="1" x14ac:dyDescent="0.2">
      <c r="A25" s="10" t="s">
        <v>16</v>
      </c>
      <c r="B25" s="21">
        <v>59270465</v>
      </c>
      <c r="C25" s="21">
        <v>58870397</v>
      </c>
      <c r="D25" s="21">
        <v>18040468</v>
      </c>
      <c r="E25" s="21">
        <v>16438622</v>
      </c>
      <c r="F25" s="21">
        <v>880663</v>
      </c>
      <c r="G25" s="21">
        <v>748362</v>
      </c>
      <c r="H25" s="21">
        <v>0</v>
      </c>
      <c r="I25" s="21">
        <v>0</v>
      </c>
      <c r="J25" s="21">
        <v>78191596</v>
      </c>
      <c r="K25" s="21">
        <v>76057381</v>
      </c>
      <c r="N25" s="7"/>
    </row>
    <row r="26" spans="1:14" ht="11.1" customHeight="1" x14ac:dyDescent="0.2">
      <c r="A26" s="10" t="s">
        <v>17</v>
      </c>
      <c r="B26" s="21">
        <v>40641217</v>
      </c>
      <c r="C26" s="21">
        <v>39474300</v>
      </c>
      <c r="D26" s="21">
        <v>15057899</v>
      </c>
      <c r="E26" s="21">
        <v>15021744</v>
      </c>
      <c r="F26" s="21">
        <v>568067</v>
      </c>
      <c r="G26" s="21">
        <v>510642</v>
      </c>
      <c r="H26" s="21">
        <v>0</v>
      </c>
      <c r="I26" s="21">
        <v>0</v>
      </c>
      <c r="J26" s="21">
        <v>56267183</v>
      </c>
      <c r="K26" s="21">
        <v>55006686</v>
      </c>
      <c r="N26" s="7"/>
    </row>
    <row r="27" spans="1:14" ht="11.1" customHeight="1" x14ac:dyDescent="0.2">
      <c r="A27" s="14" t="s">
        <v>18</v>
      </c>
      <c r="B27" s="24">
        <v>64934756</v>
      </c>
      <c r="C27" s="24">
        <v>62542569</v>
      </c>
      <c r="D27" s="24">
        <v>10473082</v>
      </c>
      <c r="E27" s="24">
        <v>10048396</v>
      </c>
      <c r="F27" s="24">
        <v>0</v>
      </c>
      <c r="G27" s="24">
        <v>0</v>
      </c>
      <c r="H27" s="24">
        <v>0</v>
      </c>
      <c r="I27" s="24">
        <v>0</v>
      </c>
      <c r="J27" s="24">
        <v>75407838</v>
      </c>
      <c r="K27" s="24">
        <v>72590965</v>
      </c>
      <c r="N27" s="7"/>
    </row>
    <row r="28" spans="1:14" ht="11.1" customHeight="1" x14ac:dyDescent="0.2">
      <c r="A28" s="9" t="s">
        <v>19</v>
      </c>
      <c r="B28" s="20">
        <v>5192272</v>
      </c>
      <c r="C28" s="20">
        <v>5181316</v>
      </c>
      <c r="D28" s="20">
        <v>3254319</v>
      </c>
      <c r="E28" s="20">
        <v>3065271</v>
      </c>
      <c r="F28" s="20">
        <v>45086</v>
      </c>
      <c r="G28" s="20">
        <v>45086</v>
      </c>
      <c r="H28" s="20">
        <v>0</v>
      </c>
      <c r="I28" s="20">
        <v>0</v>
      </c>
      <c r="J28" s="20">
        <v>8491677</v>
      </c>
      <c r="K28" s="20">
        <v>8291673</v>
      </c>
      <c r="N28" s="7"/>
    </row>
    <row r="29" spans="1:14" ht="11.1" customHeight="1" x14ac:dyDescent="0.2">
      <c r="A29" s="10" t="s">
        <v>20</v>
      </c>
      <c r="B29" s="21">
        <v>75951619</v>
      </c>
      <c r="C29" s="21">
        <v>75452285</v>
      </c>
      <c r="D29" s="21">
        <v>10505554</v>
      </c>
      <c r="E29" s="21">
        <v>10048179</v>
      </c>
      <c r="F29" s="21">
        <v>0</v>
      </c>
      <c r="G29" s="21">
        <v>0</v>
      </c>
      <c r="H29" s="21">
        <v>0</v>
      </c>
      <c r="I29" s="21">
        <v>0</v>
      </c>
      <c r="J29" s="21">
        <v>86457173</v>
      </c>
      <c r="K29" s="21">
        <v>85500464</v>
      </c>
      <c r="N29" s="7"/>
    </row>
    <row r="30" spans="1:14" ht="11.1" customHeight="1" x14ac:dyDescent="0.2">
      <c r="A30" s="10" t="s">
        <v>21</v>
      </c>
      <c r="B30" s="21">
        <v>5878051</v>
      </c>
      <c r="C30" s="21">
        <v>5876922</v>
      </c>
      <c r="D30" s="21">
        <v>19990146</v>
      </c>
      <c r="E30" s="21">
        <v>19664156</v>
      </c>
      <c r="F30" s="21">
        <v>170768</v>
      </c>
      <c r="G30" s="21">
        <v>170768</v>
      </c>
      <c r="H30" s="21">
        <v>0</v>
      </c>
      <c r="I30" s="21">
        <v>0</v>
      </c>
      <c r="J30" s="21">
        <v>26038965</v>
      </c>
      <c r="K30" s="21">
        <v>25711846</v>
      </c>
      <c r="N30" s="7"/>
    </row>
    <row r="31" spans="1:14" ht="11.1" customHeight="1" x14ac:dyDescent="0.2">
      <c r="A31" s="10" t="s">
        <v>22</v>
      </c>
      <c r="B31" s="21">
        <v>2741893</v>
      </c>
      <c r="C31" s="21">
        <v>2674109</v>
      </c>
      <c r="D31" s="21">
        <v>10745953</v>
      </c>
      <c r="E31" s="21">
        <v>10621881</v>
      </c>
      <c r="F31" s="21">
        <v>394530</v>
      </c>
      <c r="G31" s="21">
        <v>319118</v>
      </c>
      <c r="H31" s="21">
        <v>0</v>
      </c>
      <c r="I31" s="21">
        <v>0</v>
      </c>
      <c r="J31" s="21">
        <v>13882376</v>
      </c>
      <c r="K31" s="21">
        <v>13615108</v>
      </c>
      <c r="N31" s="7"/>
    </row>
    <row r="32" spans="1:14" ht="11.1" customHeight="1" x14ac:dyDescent="0.2">
      <c r="A32" s="12" t="s">
        <v>23</v>
      </c>
      <c r="B32" s="22">
        <v>32241309</v>
      </c>
      <c r="C32" s="22">
        <v>32023180</v>
      </c>
      <c r="D32" s="22">
        <v>2275316</v>
      </c>
      <c r="E32" s="22">
        <v>2175724</v>
      </c>
      <c r="F32" s="22">
        <v>95989</v>
      </c>
      <c r="G32" s="22">
        <v>95989</v>
      </c>
      <c r="H32" s="22">
        <v>0</v>
      </c>
      <c r="I32" s="22">
        <v>0</v>
      </c>
      <c r="J32" s="22">
        <v>34612614</v>
      </c>
      <c r="K32" s="22">
        <v>34294893</v>
      </c>
      <c r="N32" s="7"/>
    </row>
    <row r="33" spans="1:14" ht="11.1" customHeight="1" x14ac:dyDescent="0.2">
      <c r="A33" s="13" t="s">
        <v>24</v>
      </c>
      <c r="B33" s="23">
        <v>8140128</v>
      </c>
      <c r="C33" s="23">
        <v>8093449</v>
      </c>
      <c r="D33" s="23">
        <v>1866080</v>
      </c>
      <c r="E33" s="23">
        <v>1841428</v>
      </c>
      <c r="F33" s="23">
        <v>124481</v>
      </c>
      <c r="G33" s="23">
        <v>98299</v>
      </c>
      <c r="H33" s="23">
        <v>0</v>
      </c>
      <c r="I33" s="23">
        <v>0</v>
      </c>
      <c r="J33" s="23">
        <v>10130689</v>
      </c>
      <c r="K33" s="23">
        <v>10033176</v>
      </c>
      <c r="N33" s="7"/>
    </row>
    <row r="34" spans="1:14" ht="11.1" customHeight="1" x14ac:dyDescent="0.2">
      <c r="A34" s="10" t="s">
        <v>25</v>
      </c>
      <c r="B34" s="21">
        <v>3270920</v>
      </c>
      <c r="C34" s="21">
        <v>3252798</v>
      </c>
      <c r="D34" s="21">
        <v>7355826</v>
      </c>
      <c r="E34" s="21">
        <v>6776142</v>
      </c>
      <c r="F34" s="21">
        <v>61183</v>
      </c>
      <c r="G34" s="21">
        <v>61183</v>
      </c>
      <c r="H34" s="21">
        <v>0</v>
      </c>
      <c r="I34" s="21">
        <v>0</v>
      </c>
      <c r="J34" s="21">
        <v>10687929</v>
      </c>
      <c r="K34" s="21">
        <v>10090123</v>
      </c>
      <c r="N34" s="7"/>
    </row>
    <row r="35" spans="1:14" ht="11.1" customHeight="1" x14ac:dyDescent="0.2">
      <c r="A35" s="10" t="s">
        <v>26</v>
      </c>
      <c r="B35" s="21">
        <v>10170804</v>
      </c>
      <c r="C35" s="21">
        <v>9899540</v>
      </c>
      <c r="D35" s="21">
        <v>8044791</v>
      </c>
      <c r="E35" s="21">
        <v>8021088</v>
      </c>
      <c r="F35" s="21">
        <v>0</v>
      </c>
      <c r="G35" s="21">
        <v>0</v>
      </c>
      <c r="H35" s="21">
        <v>0</v>
      </c>
      <c r="I35" s="21">
        <v>0</v>
      </c>
      <c r="J35" s="21">
        <v>18215595</v>
      </c>
      <c r="K35" s="21">
        <v>17920628</v>
      </c>
      <c r="N35" s="7"/>
    </row>
    <row r="36" spans="1:14" ht="11.1" customHeight="1" x14ac:dyDescent="0.2">
      <c r="A36" s="10" t="s">
        <v>27</v>
      </c>
      <c r="B36" s="21">
        <v>12840848</v>
      </c>
      <c r="C36" s="21">
        <v>12780178</v>
      </c>
      <c r="D36" s="21">
        <v>4722477</v>
      </c>
      <c r="E36" s="21">
        <v>4238234</v>
      </c>
      <c r="F36" s="21">
        <v>181560</v>
      </c>
      <c r="G36" s="21">
        <v>132428</v>
      </c>
      <c r="H36" s="21">
        <v>0</v>
      </c>
      <c r="I36" s="21">
        <v>0</v>
      </c>
      <c r="J36" s="21">
        <v>17744885</v>
      </c>
      <c r="K36" s="21">
        <v>17150840</v>
      </c>
      <c r="N36" s="7"/>
    </row>
    <row r="37" spans="1:14" ht="11.1" customHeight="1" x14ac:dyDescent="0.2">
      <c r="A37" s="12" t="s">
        <v>28</v>
      </c>
      <c r="B37" s="22">
        <v>33665000</v>
      </c>
      <c r="C37" s="22">
        <v>33587214</v>
      </c>
      <c r="D37" s="22">
        <v>7814162</v>
      </c>
      <c r="E37" s="22">
        <v>7658818</v>
      </c>
      <c r="F37" s="22">
        <v>8487905</v>
      </c>
      <c r="G37" s="22">
        <v>7821772</v>
      </c>
      <c r="H37" s="22">
        <v>0</v>
      </c>
      <c r="I37" s="22">
        <v>0</v>
      </c>
      <c r="J37" s="22">
        <v>49967067</v>
      </c>
      <c r="K37" s="22">
        <v>49067804</v>
      </c>
      <c r="N37" s="7"/>
    </row>
    <row r="38" spans="1:14" ht="11.1" customHeight="1" x14ac:dyDescent="0.2">
      <c r="A38" s="13" t="s">
        <v>29</v>
      </c>
      <c r="B38" s="23">
        <v>1271071</v>
      </c>
      <c r="C38" s="23">
        <v>1247446</v>
      </c>
      <c r="D38" s="23">
        <v>5803267</v>
      </c>
      <c r="E38" s="23">
        <v>5756866</v>
      </c>
      <c r="F38" s="23">
        <v>0</v>
      </c>
      <c r="G38" s="23">
        <v>0</v>
      </c>
      <c r="H38" s="23">
        <v>0</v>
      </c>
      <c r="I38" s="23">
        <v>0</v>
      </c>
      <c r="J38" s="23">
        <v>7074338</v>
      </c>
      <c r="K38" s="23">
        <v>7004312</v>
      </c>
      <c r="N38" s="7"/>
    </row>
    <row r="39" spans="1:14" ht="11.1" customHeight="1" x14ac:dyDescent="0.2">
      <c r="A39" s="10" t="s">
        <v>30</v>
      </c>
      <c r="B39" s="21">
        <v>5747602</v>
      </c>
      <c r="C39" s="21">
        <v>5619804</v>
      </c>
      <c r="D39" s="21">
        <v>13153578</v>
      </c>
      <c r="E39" s="21">
        <v>13094489</v>
      </c>
      <c r="F39" s="21">
        <v>271271</v>
      </c>
      <c r="G39" s="21">
        <v>271271</v>
      </c>
      <c r="H39" s="21">
        <v>0</v>
      </c>
      <c r="I39" s="21">
        <v>0</v>
      </c>
      <c r="J39" s="21">
        <v>19172451</v>
      </c>
      <c r="K39" s="21">
        <v>18985564</v>
      </c>
      <c r="N39" s="7"/>
    </row>
    <row r="40" spans="1:14" ht="11.1" customHeight="1" x14ac:dyDescent="0.2">
      <c r="A40" s="10" t="s">
        <v>31</v>
      </c>
      <c r="B40" s="21">
        <v>52151000</v>
      </c>
      <c r="C40" s="21">
        <v>51495501</v>
      </c>
      <c r="D40" s="21">
        <v>4559593</v>
      </c>
      <c r="E40" s="21">
        <v>4547162</v>
      </c>
      <c r="F40" s="21">
        <v>399465</v>
      </c>
      <c r="G40" s="21">
        <v>252623</v>
      </c>
      <c r="H40" s="21">
        <v>0</v>
      </c>
      <c r="I40" s="21">
        <v>0</v>
      </c>
      <c r="J40" s="21">
        <v>57110058</v>
      </c>
      <c r="K40" s="21">
        <v>56295286</v>
      </c>
      <c r="N40" s="7"/>
    </row>
    <row r="41" spans="1:14" ht="11.1" customHeight="1" x14ac:dyDescent="0.2">
      <c r="A41" s="10" t="s">
        <v>32</v>
      </c>
      <c r="B41" s="21">
        <v>1602574</v>
      </c>
      <c r="C41" s="21">
        <v>1602574</v>
      </c>
      <c r="D41" s="21">
        <v>1007604</v>
      </c>
      <c r="E41" s="21">
        <v>1007604</v>
      </c>
      <c r="F41" s="21">
        <v>0</v>
      </c>
      <c r="G41" s="21">
        <v>0</v>
      </c>
      <c r="H41" s="21">
        <v>0</v>
      </c>
      <c r="I41" s="21">
        <v>0</v>
      </c>
      <c r="J41" s="21">
        <v>2610178</v>
      </c>
      <c r="K41" s="21">
        <v>2610178</v>
      </c>
      <c r="N41" s="7"/>
    </row>
    <row r="42" spans="1:14" ht="19.5" customHeight="1" x14ac:dyDescent="0.2">
      <c r="A42" s="11" t="s">
        <v>38</v>
      </c>
      <c r="B42" s="25">
        <v>5474504850</v>
      </c>
      <c r="C42" s="25">
        <v>5408146898</v>
      </c>
      <c r="D42" s="25">
        <v>2210971556</v>
      </c>
      <c r="E42" s="25">
        <v>1999530432</v>
      </c>
      <c r="F42" s="25">
        <v>106137619</v>
      </c>
      <c r="G42" s="25">
        <v>91324688</v>
      </c>
      <c r="H42" s="25">
        <v>0</v>
      </c>
      <c r="I42" s="25">
        <v>0</v>
      </c>
      <c r="J42" s="25">
        <v>7791614025</v>
      </c>
      <c r="K42" s="25">
        <v>7499002018</v>
      </c>
      <c r="N42" s="7"/>
    </row>
    <row r="43" spans="1:14" ht="11.1" customHeight="1" x14ac:dyDescent="0.2">
      <c r="A43" s="1" t="s">
        <v>56</v>
      </c>
    </row>
  </sheetData>
  <mergeCells count="6">
    <mergeCell ref="B4:C6"/>
    <mergeCell ref="J4:K6"/>
    <mergeCell ref="D4:G4"/>
    <mergeCell ref="H4:I6"/>
    <mergeCell ref="F5:G6"/>
    <mergeCell ref="D5:E6"/>
  </mergeCells>
  <phoneticPr fontId="2"/>
  <printOptions verticalCentered="1"/>
  <pageMargins left="0.98425196850393704" right="0.98425196850393704" top="0.39370078740157483" bottom="0.39370078740157483" header="0.51181102362204722" footer="0.31496062992125984"/>
  <pageSetup paperSize="9" scale="92" firstPageNumber="298" orientation="landscape" useFirstPageNumber="1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償却資産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 英樹</dc:creator>
  <cp:lastModifiedBy>user</cp:lastModifiedBy>
  <cp:lastPrinted>2020-12-25T02:34:37Z</cp:lastPrinted>
  <dcterms:created xsi:type="dcterms:W3CDTF">1997-01-08T22:48:59Z</dcterms:created>
  <dcterms:modified xsi:type="dcterms:W3CDTF">2023-01-10T04:47:35Z</dcterms:modified>
</cp:coreProperties>
</file>